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327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3/06 June/"/>
    </mc:Choice>
  </mc:AlternateContent>
  <xr:revisionPtr revIDLastSave="0" documentId="8_{33569678-E8AA-4F8E-9966-820DB43D32C8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ALO5LITTL" sheetId="3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1" uniqueCount="60"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GBP</t>
  </si>
  <si>
    <t>Enabled</t>
  </si>
  <si>
    <t>NoCash</t>
  </si>
  <si>
    <t>&lt;Security Group&gt;</t>
  </si>
  <si>
    <t>ISIN</t>
  </si>
  <si>
    <t>Par Value (m)</t>
  </si>
  <si>
    <t>Security Description</t>
  </si>
  <si>
    <t>Market Value</t>
  </si>
  <si>
    <t>UNITED KINGDOM OF GREAT BRITAIN AN RegS</t>
  </si>
  <si>
    <t>Powered by BlackRock Solutions®</t>
  </si>
  <si>
    <t>Aquila Life Over 5 Years UK Index Linked Gilt Index Fund</t>
  </si>
  <si>
    <t>ALO5LITTL</t>
  </si>
  <si>
    <t>Primary (FTILGLT5P)</t>
  </si>
  <si>
    <t>IBND</t>
  </si>
  <si>
    <t>GB00BLH38265</t>
  </si>
  <si>
    <t>UK I/L GILT       RegS</t>
  </si>
  <si>
    <t>GB00BNNGP551</t>
  </si>
  <si>
    <t>UK I/L GILT 0.125 8/10/31 0.125 8 RegS</t>
  </si>
  <si>
    <t>GB00BNNGP882</t>
  </si>
  <si>
    <t>GB0008932666</t>
  </si>
  <si>
    <t>GB00BYVP4K94</t>
  </si>
  <si>
    <t>GB00BGDYHF49</t>
  </si>
  <si>
    <t>GB00B3Y1JG82</t>
  </si>
  <si>
    <t>GB00BYZW3J87</t>
  </si>
  <si>
    <t>GB00BZ13DV40</t>
  </si>
  <si>
    <t>GB00BZ1NTB69</t>
  </si>
  <si>
    <t>GB00BD9MZZ71</t>
  </si>
  <si>
    <t>GB0031790826</t>
  </si>
  <si>
    <t>GB00BYMWG366</t>
  </si>
  <si>
    <t>GB00B46CGH68</t>
  </si>
  <si>
    <t>GB00BP9DLZ64</t>
  </si>
  <si>
    <t>GB00B3D4VD98</t>
  </si>
  <si>
    <t>GB00B73ZYW09</t>
  </si>
  <si>
    <t>GB00B3MYD345</t>
  </si>
  <si>
    <t>GB00B3LZBF68</t>
  </si>
  <si>
    <t>GB00B7RN0G65</t>
  </si>
  <si>
    <t>GB00B1L6W962</t>
  </si>
  <si>
    <t>GB00B24FFM16</t>
  </si>
  <si>
    <t>GB00B421JZ66</t>
  </si>
  <si>
    <t>GB00B4PTCY75</t>
  </si>
  <si>
    <t>GB00B0CNHZ09</t>
  </si>
  <si>
    <t>GB00BDX8CX86</t>
  </si>
  <si>
    <t>GB00BM8Z2W66</t>
  </si>
  <si>
    <t>Brunel Holdings</t>
  </si>
  <si>
    <t>GB00BMF9LH90</t>
  </si>
  <si>
    <t>30-JUN-2023</t>
  </si>
  <si>
    <t>GB00BMF9LJ15</t>
  </si>
  <si>
    <t>Confidential - For Internal Use Only. Generated: Jul 07 2023 11:24:03 ED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8" x14ac:knownFonts="1">
    <font>
      <sz val="11"/>
      <color indexed="8"/>
      <name val="Calibri"/>
      <family val="2"/>
      <scheme val="minor"/>
    </font>
    <font>
      <sz val="10"/>
      <color theme="1"/>
      <name val="Arial"/>
      <family val="2"/>
    </font>
    <font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1"/>
      <name val="Calibri"/>
      <family val="2"/>
    </font>
    <font>
      <b/>
      <sz val="10"/>
      <name val="Arial"/>
      <family val="2"/>
    </font>
    <font>
      <sz val="10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DDDACB"/>
      </patternFill>
    </fill>
    <fill>
      <patternFill patternType="solid">
        <fgColor rgb="FFFFFFFF"/>
      </patternFill>
    </fill>
    <fill>
      <patternFill patternType="none">
        <fgColor rgb="FFEBEBEB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</fills>
  <borders count="9">
    <border>
      <left/>
      <right/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6">
    <xf numFmtId="0" fontId="0" fillId="0" borderId="0"/>
    <xf numFmtId="0" fontId="2" fillId="4" borderId="0"/>
    <xf numFmtId="0" fontId="3" fillId="4" borderId="0"/>
    <xf numFmtId="0" fontId="1" fillId="4" borderId="0"/>
    <xf numFmtId="0" fontId="4" fillId="4" borderId="0"/>
    <xf numFmtId="0" fontId="4" fillId="4" borderId="0"/>
  </cellStyleXfs>
  <cellXfs count="24">
    <xf numFmtId="0" fontId="0" fillId="0" borderId="0" xfId="0"/>
    <xf numFmtId="0" fontId="5" fillId="0" borderId="5" xfId="0" applyFont="1" applyBorder="1" applyAlignment="1">
      <alignment horizontal="center"/>
    </xf>
    <xf numFmtId="0" fontId="5" fillId="0" borderId="4" xfId="0" applyFont="1" applyBorder="1" applyAlignment="1">
      <alignment horizontal="center"/>
    </xf>
    <xf numFmtId="0" fontId="5" fillId="0" borderId="6" xfId="0" applyFont="1" applyBorder="1" applyAlignment="1">
      <alignment horizontal="center"/>
    </xf>
    <xf numFmtId="0" fontId="5" fillId="0" borderId="8" xfId="0" applyFont="1" applyBorder="1" applyAlignment="1">
      <alignment horizontal="center"/>
    </xf>
    <xf numFmtId="0" fontId="5" fillId="0" borderId="7" xfId="0" applyFont="1" applyBorder="1" applyAlignment="1">
      <alignment horizontal="center"/>
    </xf>
    <xf numFmtId="0" fontId="5" fillId="0" borderId="1" xfId="0" applyFont="1" applyBorder="1" applyAlignment="1">
      <alignment horizontal="center"/>
    </xf>
    <xf numFmtId="0" fontId="6" fillId="2" borderId="2" xfId="0" applyFont="1" applyFill="1" applyBorder="1" applyAlignment="1">
      <alignment horizontal="center" wrapText="1"/>
    </xf>
    <xf numFmtId="0" fontId="7" fillId="7" borderId="3" xfId="0" applyFont="1" applyFill="1" applyBorder="1" applyAlignment="1">
      <alignment horizontal="left"/>
    </xf>
    <xf numFmtId="164" fontId="7" fillId="7" borderId="3" xfId="0" applyNumberFormat="1" applyFont="1" applyFill="1" applyBorder="1" applyAlignment="1">
      <alignment horizontal="right"/>
    </xf>
    <xf numFmtId="4" fontId="7" fillId="7" borderId="3" xfId="0" applyNumberFormat="1" applyFont="1" applyFill="1" applyBorder="1" applyAlignment="1">
      <alignment horizontal="right"/>
    </xf>
    <xf numFmtId="0" fontId="7" fillId="6" borderId="3" xfId="0" applyFont="1" applyFill="1" applyBorder="1" applyAlignment="1">
      <alignment horizontal="left" indent="1"/>
    </xf>
    <xf numFmtId="164" fontId="7" fillId="6" borderId="3" xfId="0" applyNumberFormat="1" applyFont="1" applyFill="1" applyBorder="1" applyAlignment="1">
      <alignment horizontal="right"/>
    </xf>
    <xf numFmtId="0" fontId="7" fillId="6" borderId="3" xfId="0" applyFont="1" applyFill="1" applyBorder="1" applyAlignment="1">
      <alignment horizontal="left"/>
    </xf>
    <xf numFmtId="4" fontId="7" fillId="6" borderId="3" xfId="0" applyNumberFormat="1" applyFont="1" applyFill="1" applyBorder="1" applyAlignment="1">
      <alignment horizontal="right"/>
    </xf>
    <xf numFmtId="0" fontId="7" fillId="3" borderId="3" xfId="0" applyFont="1" applyFill="1" applyBorder="1" applyAlignment="1">
      <alignment horizontal="left" indent="2"/>
    </xf>
    <xf numFmtId="164" fontId="7" fillId="3" borderId="3" xfId="0" applyNumberFormat="1" applyFont="1" applyFill="1" applyBorder="1" applyAlignment="1">
      <alignment horizontal="right"/>
    </xf>
    <xf numFmtId="0" fontId="7" fillId="3" borderId="3" xfId="0" applyFont="1" applyFill="1" applyBorder="1" applyAlignment="1">
      <alignment horizontal="left"/>
    </xf>
    <xf numFmtId="4" fontId="7" fillId="3" borderId="3" xfId="0" applyNumberFormat="1" applyFont="1" applyFill="1" applyBorder="1" applyAlignment="1">
      <alignment horizontal="right"/>
    </xf>
    <xf numFmtId="0" fontId="7" fillId="5" borderId="3" xfId="0" applyFont="1" applyFill="1" applyBorder="1" applyAlignment="1">
      <alignment horizontal="left" indent="2"/>
    </xf>
    <xf numFmtId="164" fontId="7" fillId="5" borderId="3" xfId="0" applyNumberFormat="1" applyFont="1" applyFill="1" applyBorder="1" applyAlignment="1">
      <alignment horizontal="right"/>
    </xf>
    <xf numFmtId="0" fontId="7" fillId="5" borderId="3" xfId="0" applyFont="1" applyFill="1" applyBorder="1" applyAlignment="1">
      <alignment horizontal="left"/>
    </xf>
    <xf numFmtId="4" fontId="7" fillId="5" borderId="3" xfId="0" applyNumberFormat="1" applyFont="1" applyFill="1" applyBorder="1" applyAlignment="1">
      <alignment horizontal="right"/>
    </xf>
    <xf numFmtId="0" fontId="6" fillId="0" borderId="0" xfId="0" applyFont="1" applyAlignment="1">
      <alignment horizontal="left"/>
    </xf>
  </cellXfs>
  <cellStyles count="6">
    <cellStyle name="Normal" xfId="0" builtinId="0"/>
    <cellStyle name="Normal 2" xfId="2" xr:uid="{57712C32-6218-49B8-B52C-2022CCD98B68}"/>
    <cellStyle name="Normal 3" xfId="1" xr:uid="{7339DEC5-97C1-43E3-85FF-DEB8ED5B6D79}"/>
    <cellStyle name="Normal 4" xfId="3" xr:uid="{83A549A2-DC62-463E-BBB2-85F6CB546C39}"/>
    <cellStyle name="Normal 5" xfId="4" xr:uid="{C4D89FEC-2609-42DB-9189-197B85B261A5}"/>
    <cellStyle name="Normal 6" xfId="5" xr:uid="{D57422C8-351B-40A4-AD9F-8A0D80B0D51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7EE4B7-C797-462E-8734-1E1AE1D7E437}">
  <sheetPr codeName="Sheet3"/>
  <dimension ref="A1:J40"/>
  <sheetViews>
    <sheetView tabSelected="1" workbookViewId="0">
      <selection sqref="A1:XFD1"/>
    </sheetView>
  </sheetViews>
  <sheetFormatPr defaultRowHeight="14.5" x14ac:dyDescent="0.35"/>
  <cols>
    <col min="1" max="1" width="68.453125" bestFit="1" customWidth="1"/>
    <col min="2" max="2" width="15.1796875" bestFit="1" customWidth="1"/>
    <col min="3" max="3" width="52" bestFit="1" customWidth="1"/>
    <col min="4" max="4" width="20" bestFit="1" customWidth="1"/>
    <col min="5" max="5" width="12" bestFit="1" customWidth="1"/>
    <col min="6" max="6" width="8.81640625" bestFit="1" customWidth="1"/>
    <col min="7" max="7" width="18.81640625" bestFit="1" customWidth="1"/>
    <col min="8" max="8" width="12.81640625" bestFit="1" customWidth="1"/>
    <col min="9" max="9" width="12.7265625" bestFit="1" customWidth="1"/>
    <col min="10" max="10" width="16.26953125" bestFit="1" customWidth="1"/>
  </cols>
  <sheetData>
    <row r="1" spans="1:10" x14ac:dyDescent="0.35">
      <c r="A1" t="s">
        <v>0</v>
      </c>
      <c r="B1" t="s">
        <v>0</v>
      </c>
      <c r="C1" t="s">
        <v>0</v>
      </c>
      <c r="D1" t="s">
        <v>0</v>
      </c>
      <c r="E1" t="s">
        <v>0</v>
      </c>
      <c r="F1" t="s">
        <v>0</v>
      </c>
      <c r="G1" t="s">
        <v>0</v>
      </c>
      <c r="H1" t="s">
        <v>0</v>
      </c>
      <c r="I1" t="s">
        <v>0</v>
      </c>
      <c r="J1" t="s">
        <v>0</v>
      </c>
    </row>
    <row r="2" spans="1:10" x14ac:dyDescent="0.35">
      <c r="A2" s="1" t="s">
        <v>1</v>
      </c>
      <c r="B2" s="2" t="s">
        <v>2</v>
      </c>
      <c r="C2" s="2" t="s">
        <v>3</v>
      </c>
      <c r="D2" s="2" t="s">
        <v>4</v>
      </c>
      <c r="E2" s="2" t="s">
        <v>5</v>
      </c>
      <c r="F2" s="2" t="s">
        <v>6</v>
      </c>
      <c r="G2" s="2" t="s">
        <v>7</v>
      </c>
      <c r="H2" s="2" t="s">
        <v>8</v>
      </c>
      <c r="I2" s="2" t="s">
        <v>9</v>
      </c>
      <c r="J2" s="3" t="s">
        <v>10</v>
      </c>
    </row>
    <row r="3" spans="1:10" x14ac:dyDescent="0.35">
      <c r="A3" s="4" t="s">
        <v>11</v>
      </c>
      <c r="B3" s="5" t="s">
        <v>55</v>
      </c>
      <c r="C3" s="5" t="s">
        <v>22</v>
      </c>
      <c r="D3" s="5" t="s">
        <v>23</v>
      </c>
      <c r="E3" s="5" t="s">
        <v>57</v>
      </c>
      <c r="F3" s="5" t="s">
        <v>12</v>
      </c>
      <c r="G3" s="5" t="s">
        <v>24</v>
      </c>
      <c r="H3" s="5" t="s">
        <v>13</v>
      </c>
      <c r="I3" s="5" t="s">
        <v>14</v>
      </c>
      <c r="J3" s="6" t="s">
        <v>15</v>
      </c>
    </row>
    <row r="4" spans="1:10" x14ac:dyDescent="0.35">
      <c r="A4" t="s">
        <v>0</v>
      </c>
      <c r="B4" t="s">
        <v>0</v>
      </c>
      <c r="C4" t="s">
        <v>0</v>
      </c>
      <c r="D4" t="s">
        <v>0</v>
      </c>
      <c r="E4" t="s">
        <v>0</v>
      </c>
      <c r="F4" t="s">
        <v>0</v>
      </c>
      <c r="G4" t="s">
        <v>0</v>
      </c>
      <c r="H4" t="s">
        <v>0</v>
      </c>
      <c r="I4" t="s">
        <v>0</v>
      </c>
      <c r="J4" t="s">
        <v>0</v>
      </c>
    </row>
    <row r="6" spans="1:10" x14ac:dyDescent="0.35">
      <c r="A6" s="7" t="s">
        <v>16</v>
      </c>
      <c r="B6" s="7" t="s">
        <v>17</v>
      </c>
      <c r="C6" s="7" t="s">
        <v>18</v>
      </c>
      <c r="D6" s="7" t="s">
        <v>19</v>
      </c>
      <c r="E6" s="7" t="s">
        <v>6</v>
      </c>
    </row>
    <row r="7" spans="1:10" x14ac:dyDescent="0.35">
      <c r="A7" s="8" t="s">
        <v>23</v>
      </c>
      <c r="B7" s="9">
        <v>1808977341.5393484</v>
      </c>
      <c r="C7" s="8" t="s">
        <v>0</v>
      </c>
      <c r="D7" s="10">
        <v>1758882499.7435615</v>
      </c>
      <c r="E7" s="8" t="s">
        <v>0</v>
      </c>
    </row>
    <row r="8" spans="1:10" x14ac:dyDescent="0.35">
      <c r="A8" s="11" t="s">
        <v>25</v>
      </c>
      <c r="B8" s="12">
        <v>1808977341.5393484</v>
      </c>
      <c r="C8" s="13" t="s">
        <v>0</v>
      </c>
      <c r="D8" s="14">
        <v>1758882499.7435615</v>
      </c>
      <c r="E8" s="13" t="s">
        <v>0</v>
      </c>
    </row>
    <row r="9" spans="1:10" x14ac:dyDescent="0.35">
      <c r="A9" s="15" t="s">
        <v>58</v>
      </c>
      <c r="B9" s="16">
        <v>6542772.5</v>
      </c>
      <c r="C9" s="17" t="s">
        <v>20</v>
      </c>
      <c r="D9" s="18">
        <v>6648579.8326245882</v>
      </c>
      <c r="E9" s="17" t="s">
        <v>12</v>
      </c>
    </row>
    <row r="10" spans="1:10" x14ac:dyDescent="0.35">
      <c r="A10" s="19" t="s">
        <v>56</v>
      </c>
      <c r="B10" s="20">
        <v>17620114.300000001</v>
      </c>
      <c r="C10" s="21" t="s">
        <v>27</v>
      </c>
      <c r="D10" s="22">
        <v>16301899.922782175</v>
      </c>
      <c r="E10" s="21" t="s">
        <v>12</v>
      </c>
    </row>
    <row r="11" spans="1:10" x14ac:dyDescent="0.35">
      <c r="A11" s="15" t="s">
        <v>54</v>
      </c>
      <c r="B11" s="16">
        <v>19989086.199999999</v>
      </c>
      <c r="C11" s="17" t="s">
        <v>27</v>
      </c>
      <c r="D11" s="18">
        <v>16973526.137687717</v>
      </c>
      <c r="E11" s="17" t="s">
        <v>12</v>
      </c>
    </row>
    <row r="12" spans="1:10" x14ac:dyDescent="0.35">
      <c r="A12" s="19" t="s">
        <v>32</v>
      </c>
      <c r="B12" s="20">
        <v>38104137.051190287</v>
      </c>
      <c r="C12" s="21" t="s">
        <v>27</v>
      </c>
      <c r="D12" s="22">
        <v>30084463.872002881</v>
      </c>
      <c r="E12" s="21" t="s">
        <v>12</v>
      </c>
    </row>
    <row r="13" spans="1:10" x14ac:dyDescent="0.35">
      <c r="A13" s="15" t="s">
        <v>30</v>
      </c>
      <c r="B13" s="16">
        <v>38387887.157556407</v>
      </c>
      <c r="C13" s="17" t="s">
        <v>27</v>
      </c>
      <c r="D13" s="18">
        <v>30588991.48483796</v>
      </c>
      <c r="E13" s="17" t="s">
        <v>12</v>
      </c>
    </row>
    <row r="14" spans="1:10" x14ac:dyDescent="0.35">
      <c r="A14" s="19" t="s">
        <v>26</v>
      </c>
      <c r="B14" s="20">
        <v>38555613.549999997</v>
      </c>
      <c r="C14" s="21" t="s">
        <v>27</v>
      </c>
      <c r="D14" s="22">
        <v>34423990.131100364</v>
      </c>
      <c r="E14" s="21" t="s">
        <v>12</v>
      </c>
    </row>
    <row r="15" spans="1:10" x14ac:dyDescent="0.35">
      <c r="A15" s="15" t="s">
        <v>38</v>
      </c>
      <c r="B15" s="16">
        <v>43980486.615571998</v>
      </c>
      <c r="C15" s="17" t="s">
        <v>27</v>
      </c>
      <c r="D15" s="18">
        <v>34992303.322042167</v>
      </c>
      <c r="E15" s="17" t="s">
        <v>12</v>
      </c>
    </row>
    <row r="16" spans="1:10" x14ac:dyDescent="0.35">
      <c r="A16" s="19" t="s">
        <v>42</v>
      </c>
      <c r="B16" s="20">
        <v>59721906.556321599</v>
      </c>
      <c r="C16" s="21" t="s">
        <v>27</v>
      </c>
      <c r="D16" s="22">
        <v>47051287.386797659</v>
      </c>
      <c r="E16" s="21" t="s">
        <v>12</v>
      </c>
    </row>
    <row r="17" spans="1:5" x14ac:dyDescent="0.35">
      <c r="A17" s="15" t="s">
        <v>36</v>
      </c>
      <c r="B17" s="16">
        <v>59695463.946863592</v>
      </c>
      <c r="C17" s="17" t="s">
        <v>27</v>
      </c>
      <c r="D17" s="18">
        <v>48352336.36938028</v>
      </c>
      <c r="E17" s="17" t="s">
        <v>12</v>
      </c>
    </row>
    <row r="18" spans="1:5" x14ac:dyDescent="0.35">
      <c r="A18" s="19" t="s">
        <v>28</v>
      </c>
      <c r="B18" s="20">
        <v>53767532.875933498</v>
      </c>
      <c r="C18" s="21" t="s">
        <v>29</v>
      </c>
      <c r="D18" s="22">
        <v>52309541.560417645</v>
      </c>
      <c r="E18" s="21" t="s">
        <v>12</v>
      </c>
    </row>
    <row r="19" spans="1:5" x14ac:dyDescent="0.35">
      <c r="A19" s="15" t="s">
        <v>33</v>
      </c>
      <c r="B19" s="16">
        <v>61493374.905974999</v>
      </c>
      <c r="C19" s="17" t="s">
        <v>27</v>
      </c>
      <c r="D19" s="18">
        <v>53799534.478029139</v>
      </c>
      <c r="E19" s="17" t="s">
        <v>12</v>
      </c>
    </row>
    <row r="20" spans="1:5" x14ac:dyDescent="0.35">
      <c r="A20" s="19" t="s">
        <v>53</v>
      </c>
      <c r="B20" s="20">
        <v>70796295.409985587</v>
      </c>
      <c r="C20" s="21" t="s">
        <v>27</v>
      </c>
      <c r="D20" s="22">
        <v>56370824.03751079</v>
      </c>
      <c r="E20" s="21" t="s">
        <v>12</v>
      </c>
    </row>
    <row r="21" spans="1:5" x14ac:dyDescent="0.35">
      <c r="A21" s="15" t="s">
        <v>44</v>
      </c>
      <c r="B21" s="16">
        <v>70508979.172895595</v>
      </c>
      <c r="C21" s="17" t="s">
        <v>27</v>
      </c>
      <c r="D21" s="18">
        <v>58372927.693539955</v>
      </c>
      <c r="E21" s="17" t="s">
        <v>12</v>
      </c>
    </row>
    <row r="22" spans="1:5" x14ac:dyDescent="0.35">
      <c r="A22" s="19" t="s">
        <v>40</v>
      </c>
      <c r="B22" s="20">
        <v>74346401.268737212</v>
      </c>
      <c r="C22" s="21" t="s">
        <v>27</v>
      </c>
      <c r="D22" s="22">
        <v>61078539.464972228</v>
      </c>
      <c r="E22" s="21" t="s">
        <v>12</v>
      </c>
    </row>
    <row r="23" spans="1:5" x14ac:dyDescent="0.35">
      <c r="A23" s="15" t="s">
        <v>31</v>
      </c>
      <c r="B23" s="16">
        <v>18606981.91</v>
      </c>
      <c r="C23" s="17" t="s">
        <v>27</v>
      </c>
      <c r="D23" s="18">
        <v>63013856.081840158</v>
      </c>
      <c r="E23" s="17" t="s">
        <v>12</v>
      </c>
    </row>
    <row r="24" spans="1:5" x14ac:dyDescent="0.35">
      <c r="A24" s="19" t="s">
        <v>51</v>
      </c>
      <c r="B24" s="20">
        <v>73800740.968340993</v>
      </c>
      <c r="C24" s="21" t="s">
        <v>27</v>
      </c>
      <c r="D24" s="22">
        <v>64200668.386802167</v>
      </c>
      <c r="E24" s="21" t="s">
        <v>12</v>
      </c>
    </row>
    <row r="25" spans="1:5" x14ac:dyDescent="0.35">
      <c r="A25" s="15" t="s">
        <v>35</v>
      </c>
      <c r="B25" s="16">
        <v>75723205.553947002</v>
      </c>
      <c r="C25" s="17" t="s">
        <v>27</v>
      </c>
      <c r="D25" s="18">
        <v>69940411.59611015</v>
      </c>
      <c r="E25" s="17" t="s">
        <v>12</v>
      </c>
    </row>
    <row r="26" spans="1:5" x14ac:dyDescent="0.35">
      <c r="A26" s="19" t="s">
        <v>50</v>
      </c>
      <c r="B26" s="20">
        <v>81719042.815087989</v>
      </c>
      <c r="C26" s="21" t="s">
        <v>27</v>
      </c>
      <c r="D26" s="22">
        <v>72710228.94509685</v>
      </c>
      <c r="E26" s="21" t="s">
        <v>12</v>
      </c>
    </row>
    <row r="27" spans="1:5" x14ac:dyDescent="0.35">
      <c r="A27" s="15" t="s">
        <v>49</v>
      </c>
      <c r="B27" s="16">
        <v>78097793.861169785</v>
      </c>
      <c r="C27" s="17" t="s">
        <v>27</v>
      </c>
      <c r="D27" s="18">
        <v>73934778.22606419</v>
      </c>
      <c r="E27" s="17" t="s">
        <v>12</v>
      </c>
    </row>
    <row r="28" spans="1:5" x14ac:dyDescent="0.35">
      <c r="A28" s="19" t="s">
        <v>47</v>
      </c>
      <c r="B28" s="20">
        <v>91481169.14612402</v>
      </c>
      <c r="C28" s="21" t="s">
        <v>27</v>
      </c>
      <c r="D28" s="22">
        <v>76920996.434010893</v>
      </c>
      <c r="E28" s="21" t="s">
        <v>12</v>
      </c>
    </row>
    <row r="29" spans="1:5" x14ac:dyDescent="0.35">
      <c r="A29" s="15" t="s">
        <v>45</v>
      </c>
      <c r="B29" s="16">
        <v>82211492.757900298</v>
      </c>
      <c r="C29" s="17" t="s">
        <v>27</v>
      </c>
      <c r="D29" s="18">
        <v>78270468.153778672</v>
      </c>
      <c r="E29" s="17" t="s">
        <v>12</v>
      </c>
    </row>
    <row r="30" spans="1:5" x14ac:dyDescent="0.35">
      <c r="A30" s="19" t="s">
        <v>52</v>
      </c>
      <c r="B30" s="20">
        <v>74946559.870608389</v>
      </c>
      <c r="C30" s="21" t="s">
        <v>27</v>
      </c>
      <c r="D30" s="22">
        <v>82585467.619507149</v>
      </c>
      <c r="E30" s="21" t="s">
        <v>12</v>
      </c>
    </row>
    <row r="31" spans="1:5" x14ac:dyDescent="0.35">
      <c r="A31" s="15" t="s">
        <v>39</v>
      </c>
      <c r="B31" s="16">
        <v>34914233.280000001</v>
      </c>
      <c r="C31" s="17" t="s">
        <v>27</v>
      </c>
      <c r="D31" s="18">
        <v>84467118.60152249</v>
      </c>
      <c r="E31" s="17" t="s">
        <v>12</v>
      </c>
    </row>
    <row r="32" spans="1:5" x14ac:dyDescent="0.35">
      <c r="A32" s="19" t="s">
        <v>37</v>
      </c>
      <c r="B32" s="20">
        <v>88725893.624005586</v>
      </c>
      <c r="C32" s="21" t="s">
        <v>27</v>
      </c>
      <c r="D32" s="22">
        <v>85369696.99115999</v>
      </c>
      <c r="E32" s="21" t="s">
        <v>12</v>
      </c>
    </row>
    <row r="33" spans="1:5" x14ac:dyDescent="0.35">
      <c r="A33" s="15" t="s">
        <v>34</v>
      </c>
      <c r="B33" s="16">
        <v>91593653.843761906</v>
      </c>
      <c r="C33" s="17" t="s">
        <v>27</v>
      </c>
      <c r="D33" s="18">
        <v>87944532.807130605</v>
      </c>
      <c r="E33" s="17" t="s">
        <v>12</v>
      </c>
    </row>
    <row r="34" spans="1:5" x14ac:dyDescent="0.35">
      <c r="A34" s="19" t="s">
        <v>46</v>
      </c>
      <c r="B34" s="20">
        <v>91901638.848038003</v>
      </c>
      <c r="C34" s="21" t="s">
        <v>27</v>
      </c>
      <c r="D34" s="22">
        <v>88657361.157073706</v>
      </c>
      <c r="E34" s="21" t="s">
        <v>12</v>
      </c>
    </row>
    <row r="35" spans="1:5" x14ac:dyDescent="0.35">
      <c r="A35" s="15" t="s">
        <v>41</v>
      </c>
      <c r="B35" s="16">
        <v>87847810.163067311</v>
      </c>
      <c r="C35" s="17" t="s">
        <v>27</v>
      </c>
      <c r="D35" s="18">
        <v>88984388.9504271</v>
      </c>
      <c r="E35" s="17" t="s">
        <v>12</v>
      </c>
    </row>
    <row r="36" spans="1:5" x14ac:dyDescent="0.35">
      <c r="A36" s="19" t="s">
        <v>48</v>
      </c>
      <c r="B36" s="20">
        <v>90480499.318219677</v>
      </c>
      <c r="C36" s="21" t="s">
        <v>27</v>
      </c>
      <c r="D36" s="22">
        <v>94723334.004116282</v>
      </c>
      <c r="E36" s="21" t="s">
        <v>12</v>
      </c>
    </row>
    <row r="37" spans="1:5" x14ac:dyDescent="0.35">
      <c r="A37" s="15" t="s">
        <v>43</v>
      </c>
      <c r="B37" s="16">
        <v>93416574.0680466</v>
      </c>
      <c r="C37" s="17" t="s">
        <v>27</v>
      </c>
      <c r="D37" s="18">
        <v>99810446.095195442</v>
      </c>
      <c r="E37" s="17" t="s">
        <v>12</v>
      </c>
    </row>
    <row r="38" spans="1:5" x14ac:dyDescent="0.35">
      <c r="A38" s="23" t="s">
        <v>0</v>
      </c>
    </row>
    <row r="39" spans="1:5" x14ac:dyDescent="0.35">
      <c r="A39" s="23" t="s">
        <v>59</v>
      </c>
    </row>
    <row r="40" spans="1:5" x14ac:dyDescent="0.35">
      <c r="A40" s="23" t="s">
        <v>21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313A3F61-4DCA-4702-90C2-BC994AC2F24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872BD096-280C-452A-8464-758A26C6781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EEFAAC9-C858-47AB-9ABE-C01627F88EB4}">
  <ds:schemaRefs>
    <ds:schemaRef ds:uri="http://purl.org/dc/dcmitype/"/>
    <ds:schemaRef ds:uri="http://purl.org/dc/terms/"/>
    <ds:schemaRef ds:uri="http://www.w3.org/XML/1998/namespace"/>
    <ds:schemaRef ds:uri="http://schemas.microsoft.com/office/2006/documentManagement/types"/>
    <ds:schemaRef ds:uri="a06af3a4-65f4-44aa-b975-839a2c88f011"/>
    <ds:schemaRef ds:uri="http://purl.org/dc/elements/1.1/"/>
    <ds:schemaRef ds:uri="http://schemas.microsoft.com/office/infopath/2007/PartnerControls"/>
    <ds:schemaRef ds:uri="http://schemas.openxmlformats.org/package/2006/metadata/core-properties"/>
    <ds:schemaRef ds:uri="37395777-011c-4d78-851b-5c6800e5b497"/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Bethan Jones</cp:lastModifiedBy>
  <dcterms:created xsi:type="dcterms:W3CDTF">2021-11-05T12:48:24Z</dcterms:created>
  <dcterms:modified xsi:type="dcterms:W3CDTF">2023-07-10T09:36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